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3.告示起案（業務委託　２項目以上）\告示用\234【高尾】\"/>
    </mc:Choice>
  </mc:AlternateContent>
  <xr:revisionPtr revIDLastSave="0" documentId="8_{414A986B-181C-4424-A5F7-9E09B0E0C0E0}" xr6:coauthVersionLast="47" xr6:coauthVersionMax="47" xr10:uidLastSave="{00000000-0000-0000-0000-000000000000}"/>
  <bookViews>
    <workbookView xWindow="-120" yWindow="-120" windowWidth="29040" windowHeight="15840" xr2:uid="{47796355-DE82-4027-B90E-AAD56BE85FEE}"/>
  </bookViews>
  <sheets>
    <sheet name="23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" uniqueCount="32">
  <si>
    <t>名称№２３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殺菌乾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寝具類</t>
  </si>
  <si>
    <t>掛け布団（宿泊施設用）</t>
  </si>
  <si>
    <t>枚</t>
  </si>
  <si>
    <t>敷布団（宿泊施設用）</t>
  </si>
  <si>
    <t>毛布（宿泊施設用）</t>
  </si>
  <si>
    <t>枕（宿泊施設用）</t>
  </si>
  <si>
    <t>個</t>
  </si>
  <si>
    <t>ベッドマット（宿泊施設用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64BD23FB-CC7A-4059-95EC-79D8CD4CB9DF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70;&#21336;&#20385;&#22865;&#32004;/R6/&#9314;&#19968;&#33324;&#31478;&#20105;&#20837;&#26413;/3.&#21578;&#31034;&#36215;&#26696;&#65288;&#26989;&#21209;&#22996;&#35351;&#12288;&#65298;&#38917;&#30446;&#20197;&#19978;&#65289;/&#21578;&#31034;&#29992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53E4658-105F-4F0C-BD96-4F935F44B56E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28" sqref="M2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1100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1117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613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8</v>
      </c>
      <c r="F12" s="31">
        <v>1053</v>
      </c>
      <c r="G12" s="38"/>
      <c r="H12" s="33"/>
    </row>
    <row r="13" spans="1:10" ht="24.95" customHeight="1" x14ac:dyDescent="0.15">
      <c r="A13" s="39">
        <v>1</v>
      </c>
      <c r="B13" s="40" t="s">
        <v>12</v>
      </c>
      <c r="C13" s="39">
        <v>5</v>
      </c>
      <c r="D13" s="41" t="s">
        <v>19</v>
      </c>
      <c r="E13" s="42" t="s">
        <v>14</v>
      </c>
      <c r="F13" s="43">
        <v>450</v>
      </c>
      <c r="G13" s="44"/>
      <c r="H13" s="45"/>
    </row>
    <row r="14" spans="1:10" ht="24.95" customHeight="1" x14ac:dyDescent="0.15">
      <c r="A14" s="26" t="e">
        <v>#N/A</v>
      </c>
      <c r="B14" s="46" t="e">
        <v>#N/A</v>
      </c>
      <c r="C14" s="26" t="e">
        <v>#N/A</v>
      </c>
      <c r="D14" s="47" t="e">
        <v>#N/A</v>
      </c>
      <c r="E14" s="48" t="e">
        <v>#N/A</v>
      </c>
      <c r="F14" s="49" t="e">
        <v>#N/A</v>
      </c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0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1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2</v>
      </c>
      <c r="H42" s="65"/>
    </row>
    <row r="43" spans="1:8" ht="20.100000000000001" customHeight="1" x14ac:dyDescent="0.15">
      <c r="A43" s="65"/>
      <c r="B43" s="65" t="s">
        <v>23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4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5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6</v>
      </c>
      <c r="E46" s="65"/>
      <c r="F46" s="65"/>
      <c r="G46" s="65"/>
      <c r="H46" s="66" t="s">
        <v>27</v>
      </c>
    </row>
    <row r="47" spans="1:8" ht="20.100000000000001" customHeight="1" x14ac:dyDescent="0.15">
      <c r="A47" s="65"/>
      <c r="B47" s="65"/>
      <c r="C47" s="65"/>
      <c r="D47" s="66" t="s">
        <v>28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9</v>
      </c>
      <c r="E49" s="65"/>
      <c r="F49" s="68"/>
      <c r="G49" s="65"/>
      <c r="H49" s="66" t="s">
        <v>27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0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1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4</vt:lpstr>
      <vt:lpstr>'23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4-02-14T04:21:55Z</dcterms:created>
  <dcterms:modified xsi:type="dcterms:W3CDTF">2024-02-14T04:22:10Z</dcterms:modified>
</cp:coreProperties>
</file>